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jc w:val="center"/>
        <w:rPr>
          <w:rFonts w:ascii="MS Sans Serif" w:hAnsi="MS Sans Serif" w:cs="MS Sans Serif"/>
          <w:b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b/>
          <w:szCs w:val="20"/>
          <w:shd w:val="clear" w:color="auto" w:fill="FFFFFF"/>
          <w:lang w:val="es-ES"/>
        </w:rPr>
        <w:t>SESSIÓ 3 – LECTURA DE FITXERS</w:t>
      </w:r>
    </w:p>
    <w:p w:rsid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LECTURA DATOS EN FICHEROS DE TEXTO, PLANOS O ASCII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/*COMANDO INPUT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1 INPUT nv1 </w:t>
      </w:r>
      <w:proofErr w:type="gram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nv2 ....</w:t>
      </w:r>
      <w:proofErr w:type="gram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</w:t>
      </w:r>
      <w:proofErr w:type="spellStart"/>
      <w:proofErr w:type="gram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nvk</w:t>
      </w:r>
      <w:proofErr w:type="spellEnd"/>
      <w:proofErr w:type="gram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$ .....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</w:t>
      </w: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2 INPUT nv1 p1-p2   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nvk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$ pk-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pk2  ....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; pi --&gt;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num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col donde se encuentra el valor a leer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</w:t>
      </w: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3 INPUT   @p1 V1 informat1w.  .........@</w:t>
      </w:r>
      <w:proofErr w:type="spell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pk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Vk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</w:t>
      </w:r>
      <w:proofErr w:type="spellStart"/>
      <w:proofErr w:type="gram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informatkw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.;</w:t>
      </w:r>
      <w:proofErr w:type="gramEnd"/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</w:t>
      </w: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3 obligatorio si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teneis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informació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no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standard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(información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standar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: son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varaibles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numericas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-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sep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</w:t>
      </w:r>
      <w:proofErr w:type="spellStart"/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decim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.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y cadenas)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Información no estándar: dates, $123, 123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,152,527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...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4 INPUT como un mix de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tot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lo anterior*/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1 INPUT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Los datos son de tipo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standard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,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si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hay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varaibles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texto deben ser cortas (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max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8 cars)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No existen datos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missng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representados por espacios en blanco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Los valores de las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var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deben estar separados entre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si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por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un o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más blancos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EX_INPUT1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FILE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ruta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nom.ext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opcions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; </w:t>
      </w: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/*</w:t>
      </w:r>
      <w:proofErr w:type="spell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opcions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de </w:t>
      </w:r>
      <w:proofErr w:type="spell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infile</w:t>
      </w:r>
      <w:proofErr w:type="spell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*/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 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PU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V1 V2 V3</w:t>
      </w: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$ ;</w:t>
      </w:r>
      <w:proofErr w:type="gramEnd"/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EX_INPUT1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 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PU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V1 V2 V3</w:t>
      </w: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$ ;</w:t>
      </w:r>
      <w:proofErr w:type="gramEnd"/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  <w:t xml:space="preserve"> </w:t>
      </w: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más comandos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ab/>
        <w:t xml:space="preserve"> </w:t>
      </w:r>
      <w:proofErr w:type="spellStart"/>
      <w:proofErr w:type="gramStart"/>
      <w:r w:rsidRPr="0084128A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datalines</w:t>
      </w:r>
      <w:proofErr w:type="spellEnd"/>
      <w:proofErr w:type="gram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ab/>
        <w:t xml:space="preserve"> 1 3 h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ab/>
        <w:t xml:space="preserve"> 5 6 d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ab/>
        <w:t xml:space="preserve"> 4 8 d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EJ 1 Crearemos la base  S3\BASES_SAS\bas1.sas7bdat que tendrá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2 variables: X1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( nombre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) y X2 numérica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*</w:t>
      </w:r>
      <w:proofErr w:type="gram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LIBNAME  --</w:t>
      </w:r>
      <w:proofErr w:type="gram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&gt; S3\BASES_SAS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libname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d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s3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bases_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d.EX1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PU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nom</w:t>
      </w:r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$  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1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-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12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genere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</w:t>
      </w:r>
      <w:r w:rsidRPr="0084128A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DATALINES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PEDRO         1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ELENA         0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MARIO         1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C0"/>
          <w:lang w:val="es-ES"/>
        </w:rPr>
        <w:t>JOAN MARCOS   1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d.EX1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  <w:lang w:val="es-ES"/>
        </w:rPr>
        <w:t>RUN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</w:p>
    <w:p w:rsid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</w:p>
    <w:p w:rsid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lastRenderedPageBreak/>
        <w:t xml:space="preserve">/*EJ 2 Examinar el archivo de datos ALCADES.DAT (altura a principio y a final de año).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Escribir un programa para leer los datos y guardarlos temporalmente en alt.sas7bdat,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hacer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una descriptiva inicial de las variables ,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y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crear variable altura promedio y describirla*/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alt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</w:t>
      </w: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file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S3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Bases_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ALCADES.DAT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</w:t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pu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alti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altf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</w:t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f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alti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0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|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alti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-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)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the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alti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</w:t>
      </w:r>
      <w:proofErr w:type="spellStart"/>
      <w:proofErr w:type="gram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altm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alti+altf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)/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MEANS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= ALT;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/* 2 INPUT </w:t>
      </w:r>
      <w:proofErr w:type="gram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var1  p11</w:t>
      </w:r>
      <w:proofErr w:type="gram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-p1j    var2 p21-p2j . </w:t>
      </w:r>
      <w:proofErr w:type="spellStart"/>
      <w:proofErr w:type="gram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vark</w:t>
      </w:r>
      <w:proofErr w:type="spellEnd"/>
      <w:proofErr w:type="gram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pk1-pkj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Dónde: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VARK Simboliza el nombre de la variable k-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ésima</w:t>
      </w:r>
      <w:proofErr w:type="spellEnd"/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PK1 --&gt; número columna en la que debe situarse el puntero de lectura para iniciar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   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la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lectura del valor de la VARK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PKj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--&gt; número columna en la que debe situarse el puntero de lectura para finalizar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   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la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lectura del valor de la VARK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IMPORTANTE --&gt; Los datos a leer deben estar debidamente alineados en columnas.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Características de los datos para poder utilizar COLUMN INPUT.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a. La información debe ser lo que SAS llama de tipo estándar: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números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sin ningún carácter especial salvo el punto como separador de decimales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adena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o alfanumérica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b. Los valores de las variables no están necesariamente separados por espacios en blanco.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Las variables pueden presentar valores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missing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representados por espacios en blanco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d. Podemos leer sólo la información relativa a algunas variables.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. Las variables cadena pueden tener una longitud superior a 8 caracteres y/o blancos en su interior.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3.2.1</w:t>
      </w: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ab/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olumn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input (la información debe ser estándar)*/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EJ 3 Crearemos la base  S3\BASES_SAS\EX3.SAS7BDAT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ab/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on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3 variables edad, peso, genero _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aracter</w:t>
      </w:r>
      <w:proofErr w:type="spellEnd"/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utilizando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olumn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input 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r w:rsidRPr="0084128A"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  <w:lang w:val="es-ES"/>
        </w:rPr>
        <w:t>DATA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d.ex3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  </w:t>
      </w:r>
      <w:proofErr w:type="gramStart"/>
      <w:r w:rsidRPr="0084128A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input</w:t>
      </w:r>
      <w:proofErr w:type="gram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edad peso genero $ 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10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spellStart"/>
      <w:proofErr w:type="gramStart"/>
      <w:r w:rsidRPr="0084128A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datalines</w:t>
      </w:r>
      <w:proofErr w:type="spellEnd"/>
      <w:proofErr w:type="gram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>23 87.70 H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>28 54    D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>21       D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>32 59    H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C0"/>
        </w:rPr>
        <w:t>54 62    D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d.ex3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gramStart"/>
      <w:r w:rsidRPr="0084128A"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  <w:lang w:val="es-ES"/>
        </w:rPr>
        <w:t>run</w:t>
      </w:r>
      <w:proofErr w:type="gram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bookmarkStart w:id="0" w:name="_GoBack"/>
      <w:bookmarkEnd w:id="0"/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lastRenderedPageBreak/>
        <w:t xml:space="preserve">*EJ 4 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a) Crear la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bdd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S3\BASES_SAS\EX4.SAS7BDAT a partir del fichero S3\EJERCICIOS\NOTES.TXT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pero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sólo con las variables NOMBRE, NOTA_R Y NOTA_SAS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b)Crear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la variable NOTAF como promedio de las dos notas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d.EX4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file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S3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Bases_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NOTES.TXT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gramStart"/>
      <w:r w:rsidRPr="0084128A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input</w:t>
      </w:r>
      <w:proofErr w:type="gram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nombre$ </w:t>
      </w:r>
      <w:proofErr w:type="spellStart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nota_r</w:t>
      </w:r>
      <w:proofErr w:type="spell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13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-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15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proofErr w:type="spellStart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nota_sas</w:t>
      </w:r>
      <w:proofErr w:type="spell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17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-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19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   nota</w:t>
      </w:r>
      <w:proofErr w:type="gramStart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=(</w:t>
      </w:r>
      <w:proofErr w:type="spellStart"/>
      <w:proofErr w:type="gram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nota_r+nota_sas</w:t>
      </w:r>
      <w:proofErr w:type="spell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)/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2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= d.ex4;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*EJ 5 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a) Crear la BDD S3\BASES_SAS\EX5.SAS7BDATa partir del fichero S3\EJERCICIOS\NOTES_M.TXT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on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las variables NOM, SEXE, EDAD, NOTA_R Y NOTA_SAS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b) Crear la variable NOTAF como promedio de las dos notas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d.EX5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file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S3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Bases_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notes_m.txt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TRUNCOVER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r w:rsidRPr="0084128A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INPUT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nombre$ </w:t>
      </w:r>
      <w:proofErr w:type="spellStart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sexe</w:t>
      </w:r>
      <w:proofErr w:type="spell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$ </w:t>
      </w:r>
      <w:proofErr w:type="spellStart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edat</w:t>
      </w:r>
      <w:proofErr w:type="spell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proofErr w:type="spellStart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nota_r</w:t>
      </w:r>
      <w:proofErr w:type="spell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13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-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15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proofErr w:type="spellStart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nota_</w:t>
      </w:r>
      <w:proofErr w:type="gramStart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sas</w:t>
      </w:r>
      <w:proofErr w:type="spell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;</w:t>
      </w:r>
      <w:proofErr w:type="gramEnd"/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ab/>
        <w:t>nota</w:t>
      </w:r>
      <w:proofErr w:type="gramStart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=(</w:t>
      </w:r>
      <w:proofErr w:type="spellStart"/>
      <w:proofErr w:type="gram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nota_r+nota_sas</w:t>
      </w:r>
      <w:proofErr w:type="spell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)/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2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= d.ex5;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r w:rsidR="008728AC"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728AC" w:rsidRP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</w:pPr>
    </w:p>
    <w:p w:rsidR="008728AC" w:rsidRPr="008728AC" w:rsidRDefault="008728AC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EJ6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/*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leer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la información de los archivos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dadesnot.dat y pulsesas.dat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la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información de estos dos ficheros está en ASCII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DADESNOT.DAT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Contiene: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genero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1 = hombre 2 = mujer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rasmus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si/no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nota1 sobre 100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nota2 sobre 10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A partir del dadesnot.dat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- crear la base temporal notes.sas7bdat 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on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todas las variables y todas las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observacions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/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 Hacer un descriptivo breve de las variables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para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detectar posibles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anomalias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en los datos (valores fuera de rango)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n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caso q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ncontreis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errores efectuar la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orreción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NOTES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 </w:t>
      </w: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file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S3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Bases_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dadesnot.DAT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truncover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gramStart"/>
      <w:r w:rsidRPr="0084128A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input</w:t>
      </w:r>
      <w:proofErr w:type="gramEnd"/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genero 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1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erasmus$ 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2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-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3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nota1 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4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-</w:t>
      </w:r>
      <w:r w:rsidRPr="0084128A"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  <w:lang w:val="es-ES"/>
        </w:rPr>
        <w:t>5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nota2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notes;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means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notes;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notes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set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notes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f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nota2=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99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the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nota2=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f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nota1=-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the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nota1=</w:t>
      </w:r>
      <w:r>
        <w:rPr>
          <w:rFonts w:ascii="MS Sans Serif" w:hAnsi="MS Sans Serif" w:cs="MS Sans Serif"/>
          <w:b/>
          <w:bCs/>
          <w:color w:val="008080"/>
          <w:sz w:val="20"/>
          <w:szCs w:val="20"/>
          <w:shd w:val="clear" w:color="auto" w:fill="FFFFFF"/>
        </w:rPr>
        <w:t>.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728AC" w:rsidRPr="008728AC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means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notes;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lastRenderedPageBreak/>
        <w:t>*EJ7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/*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leer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la información de pulsesas.dat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solo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queremos las 2 primeras variables numéricas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</w:t>
      </w:r>
      <w:proofErr w:type="gramStart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>nom</w:t>
      </w:r>
      <w:proofErr w:type="gramEnd"/>
      <w:r>
        <w:rPr>
          <w:rFonts w:ascii="MS Sans Serif" w:hAnsi="MS Sans Serif" w:cs="MS Sans Serif"/>
          <w:color w:val="008000"/>
          <w:sz w:val="20"/>
          <w:szCs w:val="20"/>
          <w:shd w:val="clear" w:color="auto" w:fill="FFFFFF"/>
        </w:rPr>
        <w:t xml:space="preserve"> p1 y p2  */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PULSA (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keep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 p1 p2)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   </w:t>
      </w:r>
      <w:proofErr w:type="spellStart"/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file</w:t>
      </w:r>
      <w:proofErr w:type="spellEnd"/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'D:\S3\</w:t>
      </w:r>
      <w:proofErr w:type="spellStart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Bases_SAS</w:t>
      </w:r>
      <w:proofErr w:type="spellEnd"/>
      <w:r>
        <w:rPr>
          <w:rFonts w:ascii="MS Sans Serif" w:hAnsi="MS Sans Serif" w:cs="MS Sans Serif"/>
          <w:color w:val="800080"/>
          <w:sz w:val="20"/>
          <w:szCs w:val="20"/>
          <w:shd w:val="clear" w:color="auto" w:fill="FFFFFF"/>
        </w:rPr>
        <w:t>\PULSESAS.DAT'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ab/>
      </w:r>
      <w:proofErr w:type="gram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input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nom$ p1 p2 v1 v2 v3 v4 v5 v6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00FF"/>
          <w:sz w:val="20"/>
          <w:szCs w:val="20"/>
          <w:shd w:val="clear" w:color="auto" w:fill="FFFFFF"/>
          <w:lang w:val="es-ES"/>
        </w:rPr>
        <w:t>LABEL</w:t>
      </w: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 xml:space="preserve"> P1 = Pulsaciones antes del esfuerzo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  <w:t>P2 = Pulsaciones después del esfuerzo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int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pulsa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L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</w:pPr>
      <w:proofErr w:type="gramStart"/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gram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means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MS Sans Serif" w:hAnsi="MS Sans Serif" w:cs="MS Sans Serif"/>
          <w:color w:val="0000FF"/>
          <w:sz w:val="20"/>
          <w:szCs w:val="20"/>
          <w:shd w:val="clear" w:color="auto" w:fill="FFFFFF"/>
        </w:rPr>
        <w:t>data</w:t>
      </w:r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pulsa;</w:t>
      </w:r>
      <w:r>
        <w:rPr>
          <w:rFonts w:ascii="MS Sans Serif" w:hAnsi="MS Sans Serif" w:cs="MS Sans Serif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MS Sans Serif" w:hAnsi="MS Sans Serif" w:cs="MS Sans Serif"/>
          <w:color w:val="000000"/>
          <w:sz w:val="20"/>
          <w:szCs w:val="20"/>
          <w:shd w:val="clear" w:color="auto" w:fill="FFFFFF"/>
        </w:rPr>
        <w:t>;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* Hacer un descriptivo breve de las variables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para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detectar posibles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anomalias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en los datos (valores fuera de rango)</w:t>
      </w:r>
    </w:p>
    <w:p w:rsidR="0084128A" w:rsidRPr="0084128A" w:rsidRDefault="0084128A" w:rsidP="0084128A">
      <w:pPr>
        <w:autoSpaceDE w:val="0"/>
        <w:autoSpaceDN w:val="0"/>
        <w:adjustRightInd w:val="0"/>
        <w:spacing w:after="0" w:line="240" w:lineRule="auto"/>
        <w:rPr>
          <w:rFonts w:ascii="MS Sans Serif" w:hAnsi="MS Sans Serif" w:cs="MS Sans Serif"/>
          <w:color w:val="000000"/>
          <w:sz w:val="20"/>
          <w:szCs w:val="20"/>
          <w:shd w:val="clear" w:color="auto" w:fill="FFFFFF"/>
          <w:lang w:val="es-ES"/>
        </w:rPr>
      </w:pPr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    </w:t>
      </w:r>
      <w:proofErr w:type="gram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n</w:t>
      </w:r>
      <w:proofErr w:type="gram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caso q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encontreis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 xml:space="preserve"> errores efectuar la </w:t>
      </w:r>
      <w:proofErr w:type="spellStart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correción</w:t>
      </w:r>
      <w:proofErr w:type="spellEnd"/>
      <w:r w:rsidRPr="0084128A">
        <w:rPr>
          <w:rFonts w:ascii="MS Sans Serif" w:hAnsi="MS Sans Serif" w:cs="MS Sans Serif"/>
          <w:color w:val="008000"/>
          <w:sz w:val="20"/>
          <w:szCs w:val="20"/>
          <w:shd w:val="clear" w:color="auto" w:fill="FFFFFF"/>
          <w:lang w:val="es-ES"/>
        </w:rPr>
        <w:t>;</w:t>
      </w:r>
    </w:p>
    <w:p w:rsidR="009F214D" w:rsidRPr="0084128A" w:rsidRDefault="009F214D">
      <w:pPr>
        <w:rPr>
          <w:lang w:val="es-ES"/>
        </w:rPr>
      </w:pPr>
    </w:p>
    <w:sectPr w:rsidR="009F214D" w:rsidRPr="0084128A" w:rsidSect="00007872">
      <w:headerReference w:type="default" r:id="rId6"/>
      <w:pgSz w:w="12240" w:h="15840"/>
      <w:pgMar w:top="1440" w:right="1440" w:bottom="1440" w:left="1440" w:header="720" w:footer="720" w:gutter="0"/>
      <w:cols w:space="720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C76BB" w:rsidRDefault="00DC76BB" w:rsidP="0084128A">
      <w:pPr>
        <w:spacing w:after="0" w:line="240" w:lineRule="auto"/>
      </w:pPr>
      <w:r>
        <w:separator/>
      </w:r>
    </w:p>
  </w:endnote>
  <w:endnote w:type="continuationSeparator" w:id="0">
    <w:p w:rsidR="00DC76BB" w:rsidRDefault="00DC76BB" w:rsidP="0084128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MS Sans Serif">
    <w:panose1 w:val="00000000000000000000"/>
    <w:charset w:val="00"/>
    <w:family w:val="swiss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C76BB" w:rsidRDefault="00DC76BB" w:rsidP="0084128A">
      <w:pPr>
        <w:spacing w:after="0" w:line="240" w:lineRule="auto"/>
      </w:pPr>
      <w:r>
        <w:separator/>
      </w:r>
    </w:p>
  </w:footnote>
  <w:footnote w:type="continuationSeparator" w:id="0">
    <w:p w:rsidR="00DC76BB" w:rsidRDefault="00DC76BB" w:rsidP="0084128A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84128A" w:rsidRPr="0084128A" w:rsidRDefault="0084128A" w:rsidP="0084128A">
    <w:pPr>
      <w:pStyle w:val="Header"/>
      <w:jc w:val="right"/>
      <w:rPr>
        <w:i/>
        <w:sz w:val="20"/>
        <w:lang w:val="ca-ES"/>
      </w:rPr>
    </w:pPr>
    <w:r w:rsidRPr="0084128A">
      <w:rPr>
        <w:i/>
        <w:sz w:val="20"/>
        <w:lang w:val="ca-ES"/>
      </w:rPr>
      <w:t>11/11/2016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E0F36"/>
    <w:rsid w:val="000E0F36"/>
    <w:rsid w:val="0084128A"/>
    <w:rsid w:val="008728AC"/>
    <w:rsid w:val="009F214D"/>
    <w:rsid w:val="00DC76B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4E329537-8D8A-4133-835B-D166CEA7947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84128A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4128A"/>
  </w:style>
  <w:style w:type="paragraph" w:styleId="Footer">
    <w:name w:val="footer"/>
    <w:basedOn w:val="Normal"/>
    <w:link w:val="FooterChar"/>
    <w:uiPriority w:val="99"/>
    <w:unhideWhenUsed/>
    <w:rsid w:val="0084128A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4128A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4</Pages>
  <Words>774</Words>
  <Characters>4417</Characters>
  <Application>Microsoft Office Word</Application>
  <DocSecurity>0</DocSecurity>
  <Lines>36</Lines>
  <Paragraphs>10</Paragraphs>
  <ScaleCrop>false</ScaleCrop>
  <Company/>
  <LinksUpToDate>false</LinksUpToDate>
  <CharactersWithSpaces>518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ules Facultat d'Economia i Empresa</dc:creator>
  <cp:keywords/>
  <dc:description/>
  <cp:lastModifiedBy>Aules Facultat d'Economia i Empresa</cp:lastModifiedBy>
  <cp:revision>3</cp:revision>
  <dcterms:created xsi:type="dcterms:W3CDTF">2016-11-15T08:23:00Z</dcterms:created>
  <dcterms:modified xsi:type="dcterms:W3CDTF">2016-11-15T08:26:00Z</dcterms:modified>
</cp:coreProperties>
</file>